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heme/theme2.xml" ContentType="application/vnd.openxmlformats-officedocument.theme+xml"/>
  <Override PartName="/ppt/slideLayouts/slideLayout16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2.xml" ContentType="application/vnd.openxmlformats-officedocument.presentationml.notesSlide+xml"/>
  <Override PartName="/ppt/tags/tag5.xml" ContentType="application/vnd.openxmlformats-officedocument.presentationml.tags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15"/>
    <p:sldMasterId id="2147483708" r:id="rId16"/>
    <p:sldMasterId id="2147483648" r:id="rId17"/>
  </p:sldMasterIdLst>
  <p:notesMasterIdLst>
    <p:notesMasterId r:id="rId24"/>
  </p:notesMasterIdLst>
  <p:sldIdLst>
    <p:sldId id="261" r:id="rId18"/>
    <p:sldId id="257" r:id="rId19"/>
    <p:sldId id="274" r:id="rId20"/>
    <p:sldId id="278" r:id="rId21"/>
    <p:sldId id="276" r:id="rId22"/>
    <p:sldId id="277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69E8D6-21B5-450A-83DF-E84E5062814E}" v="85" dt="2024-04-11T21:56:28.31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0" autoAdjust="0"/>
    <p:restoredTop sz="97662" autoAdjust="0"/>
  </p:normalViewPr>
  <p:slideViewPr>
    <p:cSldViewPr snapToGrid="0" showGuides="1">
      <p:cViewPr varScale="1">
        <p:scale>
          <a:sx n="108" d="100"/>
          <a:sy n="108" d="100"/>
        </p:scale>
        <p:origin x="132" y="24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3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2.xml"/><Relationship Id="rId20" Type="http://schemas.openxmlformats.org/officeDocument/2006/relationships/slide" Target="slides/slide3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6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2/04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8428389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69942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279165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ff8a49b1-956e-4af5-b151-ea091003bf66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5ccdfac1-ee1f-4a12-aa2d-7d074464961e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fe7671a8-7894-4299-9edf-9bac82e82d76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text" descr="{&quot;templafy&quot;:{&quot;id&quot;:&quot;3c083011-ca77-4a07-9c2d-12c6cc8f26e6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cba6c1db-bd2d-48e2-befa-e3f21ed35774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f266be09-5a71-4dcf-ab62-733b53cf5344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text" descr="{&quot;templafy&quot;:{&quot;id&quot;:&quot;d52db936-0595-4862-82ec-3f28ecbe95d0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text" descr="{&quot;templafy&quot;:{&quot;id&quot;:&quot;6d453c11-15be-461b-a092-c65ffbdabab3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e8d5c90c-174a-403e-835b-5c6caedb9d82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0" name="text" descr="{&quot;templafy&quot;:{&quot;id&quot;:&quot;6532bb16-f87f-4999-a996-b37ea7f1712c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9" name="text" descr="{&quot;templafy&quot;:{&quot;id&quot;:&quot;e965a1b0-d75d-434f-b6fd-b13267e12097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196fc4c9-b19f-430b-890e-cfa56dcaa818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a35cc499-4dc1-4f2c-9184-d20c286dd7d6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bd51f869-d1fc-4a7c-8f15-3aad8d61976a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6" name="text" descr="{&quot;templafy&quot;:{&quot;id&quot;:&quot;91d5410a-493d-4f84-9151-ea39d59b538e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5.xml"/></Relationships>
</file>

<file path=ppt/slideMasters/_rels/slideMaster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bin"/><Relationship Id="rId2" Type="http://schemas.openxmlformats.org/officeDocument/2006/relationships/theme" Target="../theme/theme3.xml"/><Relationship Id="rId1" Type="http://schemas.openxmlformats.org/officeDocument/2006/relationships/slideLayout" Target="../slideLayouts/slideLayout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Rectangle 3" descr="{&quot;templafy&quot;:{&quot;id&quot;:&quot;31d18cea-676d-4dba-8dfa-e1fd1a5d3c8c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8e718b62-2092-4f79-8054-5a6619a39881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14" name="Rectangle 3" descr="{&quot;templafy&quot;:{&quot;id&quot;:&quot;646c3d3e-e2df-42a3-b41c-1d4d3a748bf1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62228942-48cf-42bd-949c-252097a7d87a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9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tags" Target="../tags/tag2.xml"/><Relationship Id="rId7" Type="http://schemas.openxmlformats.org/officeDocument/2006/relationships/hyperlink" Target="https://sdunet.dk/da/servicesider/digital/generativ-ai-paa-sdu" TargetMode="Externa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6" Type="http://schemas.openxmlformats.org/officeDocument/2006/relationships/hyperlink" Target="https://sdunet.dk/da/undervisning-og-eksamen/uddannelse/projekter/generativ-ai-uddannelse" TargetMode="External"/><Relationship Id="rId5" Type="http://schemas.openxmlformats.org/officeDocument/2006/relationships/hyperlink" Target="https://sdunet.dk/da/nyheder/nyheder_fra_sdu/office-til-alle" TargetMode="External"/><Relationship Id="rId4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7.png"/><Relationship Id="rId4" Type="http://schemas.openxmlformats.org/officeDocument/2006/relationships/notesSlide" Target="../notesSlides/notesSlide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tags" Target="../tags/tag3.xml"/><Relationship Id="rId7" Type="http://schemas.openxmlformats.org/officeDocument/2006/relationships/image" Target="../media/image8.pn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6" Type="http://schemas.openxmlformats.org/officeDocument/2006/relationships/notesSlide" Target="../notesSlides/notesSlide2.xml"/><Relationship Id="rId5" Type="http://schemas.openxmlformats.org/officeDocument/2006/relationships/slideLayout" Target="../slideLayouts/slideLayout15.xml"/><Relationship Id="rId4" Type="http://schemas.openxmlformats.org/officeDocument/2006/relationships/tags" Target="../tags/tag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10.png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>
            <a:extLst>
              <a:ext uri="{FF2B5EF4-FFF2-40B4-BE49-F238E27FC236}">
                <a16:creationId xmlns:a16="http://schemas.microsoft.com/office/drawing/2014/main" id="{6D88FE31-DCD0-8199-7402-E8186096E1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61891" y="1592636"/>
            <a:ext cx="4677070" cy="1836363"/>
          </a:xfrm>
        </p:spPr>
        <p:txBody>
          <a:bodyPr/>
          <a:lstStyle/>
          <a:p>
            <a:r>
              <a:rPr lang="da-DK" kern="1200" dirty="0">
                <a:latin typeface="+mn-lt"/>
                <a:ea typeface="+mn-ea"/>
                <a:cs typeface="+mn-cs"/>
              </a:rPr>
              <a:t>Fra strategi </a:t>
            </a:r>
            <a:br>
              <a:rPr lang="da-DK" kern="1200" dirty="0">
                <a:latin typeface="+mn-lt"/>
                <a:ea typeface="+mn-ea"/>
                <a:cs typeface="+mn-cs"/>
              </a:rPr>
            </a:br>
            <a:r>
              <a:rPr lang="da-DK" kern="1200" dirty="0">
                <a:latin typeface="+mn-lt"/>
                <a:ea typeface="+mn-ea"/>
                <a:cs typeface="+mn-cs"/>
              </a:rPr>
              <a:t>til projekt</a:t>
            </a:r>
            <a:endParaRPr lang="en-US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0C8DFE09-9642-4ACF-DC58-AB344AC4C663}"/>
              </a:ext>
            </a:extLst>
          </p:cNvPr>
          <p:cNvSpPr txBox="1">
            <a:spLocks/>
          </p:cNvSpPr>
          <p:nvPr/>
        </p:nvSpPr>
        <p:spPr>
          <a:xfrm>
            <a:off x="6710399" y="452437"/>
            <a:ext cx="4659277" cy="790493"/>
          </a:xfrm>
          <a:prstGeom prst="rect">
            <a:avLst/>
          </a:prstGeom>
        </p:spPr>
        <p:txBody>
          <a:bodyPr vert="horz" lIns="0" tIns="0" rIns="0" bIns="0" rtlCol="0" anchor="b" anchorCtr="0">
            <a:normAutofit/>
          </a:bodyPr>
          <a:lstStyle>
            <a:lvl1pPr algn="l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</a:pPr>
            <a:endParaRPr lang="da-DK" sz="1600" kern="1200" dirty="0">
              <a:latin typeface="+mn-lt"/>
              <a:ea typeface="+mn-ea"/>
              <a:cs typeface="+mn-cs"/>
            </a:endParaRPr>
          </a:p>
        </p:txBody>
      </p:sp>
      <p:pic>
        <p:nvPicPr>
          <p:cNvPr id="9" name="Content Placeholder 3" descr="Et billede, der indeholder skærmbillede, tekst, design&#10;&#10;Automatisk genereret beskrivelse">
            <a:extLst>
              <a:ext uri="{FF2B5EF4-FFF2-40B4-BE49-F238E27FC236}">
                <a16:creationId xmlns:a16="http://schemas.microsoft.com/office/drawing/2014/main" id="{D09C2B0D-7E82-B715-CE7F-4E5706AAE41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501" r="7501"/>
          <a:stretch/>
        </p:blipFill>
        <p:spPr>
          <a:xfrm>
            <a:off x="1102131" y="1050190"/>
            <a:ext cx="4043879" cy="4757617"/>
          </a:xfrm>
          <a:prstGeom prst="rect">
            <a:avLst/>
          </a:prstGeom>
          <a:noFill/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C4561619-520E-420B-9E24-29238D077359}" type="datetime1">
              <a:rPr lang="da-DK" smtClean="0"/>
              <a:pPr>
                <a:spcAft>
                  <a:spcPts val="600"/>
                </a:spcAft>
              </a:pPr>
              <a:t>12-04-2024</a:t>
            </a:fld>
            <a:endParaRPr lang="da-DK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BCE3BFC3-1325-F296-32B1-ABCB0778373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C4561619-520E-420B-9E24-29238D077359}" type="datetime1">
              <a:rPr lang="da-DK" smtClean="0"/>
              <a:pPr>
                <a:spcAft>
                  <a:spcPts val="600"/>
                </a:spcAft>
              </a:pPr>
              <a:t>12-04-2024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041857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12-04-2024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18B3DD1D-61FE-ABF8-D23B-B0E0E230373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894" y="13446"/>
            <a:ext cx="11161059" cy="4008829"/>
          </a:xfrm>
          <a:prstGeom prst="rect">
            <a:avLst/>
          </a:prstGeom>
          <a:ln>
            <a:solidFill>
              <a:srgbClr val="000000"/>
            </a:solidFill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52FCC4F5-0952-CE82-D3D0-3D14F39FD90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880976" y="3724836"/>
            <a:ext cx="6281229" cy="3079376"/>
          </a:xfrm>
          <a:prstGeom prst="rect">
            <a:avLst/>
          </a:prstGeom>
          <a:ln>
            <a:solidFill>
              <a:srgbClr val="000000"/>
            </a:solidFill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80B14665-9966-2E94-7C3B-36559308025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D7138F9-01C2-DA7B-1420-01BADB781A6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12-04-2024</a:t>
            </a:fld>
            <a:endParaRPr lang="da-DK" dirty="0"/>
          </a:p>
        </p:txBody>
      </p:sp>
      <p:sp>
        <p:nvSpPr>
          <p:cNvPr id="6" name="Pladsholder til tekst 2">
            <a:extLst>
              <a:ext uri="{FF2B5EF4-FFF2-40B4-BE49-F238E27FC236}">
                <a16:creationId xmlns:a16="http://schemas.microsoft.com/office/drawing/2014/main" id="{76C7BFA9-9F81-8E90-3B78-1C8362E099A1}"/>
              </a:ext>
            </a:extLst>
          </p:cNvPr>
          <p:cNvSpPr txBox="1">
            <a:spLocks/>
          </p:cNvSpPr>
          <p:nvPr/>
        </p:nvSpPr>
        <p:spPr>
          <a:xfrm>
            <a:off x="814065" y="1443204"/>
            <a:ext cx="10487478" cy="474658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r>
              <a:rPr lang="da-DK" sz="2000" dirty="0"/>
              <a:t> nysgerrigt at vurdere nye innovative digitale muligheder</a:t>
            </a:r>
          </a:p>
          <a:p>
            <a:pPr>
              <a:spcAft>
                <a:spcPts val="600"/>
              </a:spcAft>
            </a:pPr>
            <a:r>
              <a:rPr lang="da-DK" sz="2000" dirty="0"/>
              <a:t> digitale løsninger, der kan hjælpe og aflaste i hverdagen </a:t>
            </a:r>
            <a:br>
              <a:rPr lang="da-DK" sz="2000" dirty="0"/>
            </a:br>
            <a:r>
              <a:rPr lang="da-DK" sz="2000" dirty="0"/>
              <a:t> ved løbende at forbedre arbejdsgange</a:t>
            </a:r>
          </a:p>
          <a:p>
            <a:r>
              <a:rPr lang="da-DK" sz="2000" b="0" dirty="0">
                <a:latin typeface="+mn-lt"/>
              </a:rPr>
              <a:t> at </a:t>
            </a:r>
            <a:r>
              <a:rPr lang="da-DK" sz="2000" dirty="0">
                <a:latin typeface="+mn-lt"/>
              </a:rPr>
              <a:t>løfte organisationens digitale evner</a:t>
            </a:r>
            <a:br>
              <a:rPr lang="da-DK" sz="2000" dirty="0">
                <a:latin typeface="+mn-lt"/>
              </a:rPr>
            </a:br>
            <a:r>
              <a:rPr lang="da-DK" sz="1200" dirty="0">
                <a:latin typeface="+mn-lt"/>
              </a:rPr>
              <a:t> </a:t>
            </a:r>
          </a:p>
          <a:p>
            <a:pPr marL="0" indent="0">
              <a:spcAft>
                <a:spcPts val="600"/>
              </a:spcAft>
              <a:buNone/>
            </a:pPr>
            <a:r>
              <a:rPr lang="da-DK" sz="2000" b="1" dirty="0">
                <a:latin typeface="+mn-lt"/>
              </a:rPr>
              <a:t>Projekterne:</a:t>
            </a:r>
          </a:p>
          <a:p>
            <a:pPr>
              <a:spcAft>
                <a:spcPts val="300"/>
              </a:spcAft>
              <a:buFont typeface="Wingdings" panose="05000000000000000000" pitchFamily="2" charset="2"/>
              <a:buChar char="§"/>
            </a:pPr>
            <a:r>
              <a:rPr lang="da-DK" sz="2000" dirty="0"/>
              <a:t>Office til alle – lær, når du har brug for det! (igangsat af SDU IT, SDU HR, SDU Digital)</a:t>
            </a:r>
          </a:p>
          <a:p>
            <a:pPr lvl="1">
              <a:spcAft>
                <a:spcPts val="600"/>
              </a:spcAft>
            </a:pPr>
            <a:r>
              <a:rPr lang="da-DK" sz="1800" dirty="0">
                <a:hlinkClick r:id="rId5"/>
              </a:rPr>
              <a:t>https://sdunet.dk/da/nyheder/nyheder_fra_sdu/office-til-alle</a:t>
            </a:r>
            <a:endParaRPr lang="da-DK" sz="1800" dirty="0"/>
          </a:p>
          <a:p>
            <a:pPr>
              <a:spcAft>
                <a:spcPts val="300"/>
              </a:spcAft>
              <a:buFont typeface="Wingdings" panose="05000000000000000000" pitchFamily="2" charset="2"/>
              <a:buChar char="§"/>
            </a:pPr>
            <a:r>
              <a:rPr lang="da-DK" sz="2000" dirty="0"/>
              <a:t>Generativ AI på uddannelsesområdet på SDU (igangsat af Uddannelsesrådet)</a:t>
            </a:r>
          </a:p>
          <a:p>
            <a:pPr lvl="1">
              <a:spcAft>
                <a:spcPts val="600"/>
              </a:spcAft>
            </a:pPr>
            <a:r>
              <a:rPr lang="da-DK" sz="1800" dirty="0">
                <a:hlinkClick r:id="rId6"/>
              </a:rPr>
              <a:t>https://sdunet.dk/da/undervisning-og-eksamen/uddannelse/projekter/generativ-ai-uddannelse</a:t>
            </a:r>
            <a:endParaRPr lang="da-DK" sz="1800" dirty="0"/>
          </a:p>
          <a:p>
            <a:pPr>
              <a:spcAft>
                <a:spcPts val="300"/>
              </a:spcAft>
              <a:buFont typeface="Wingdings" panose="05000000000000000000" pitchFamily="2" charset="2"/>
              <a:buChar char="§"/>
            </a:pPr>
            <a:r>
              <a:rPr lang="da-DK" sz="2000" dirty="0"/>
              <a:t>Generativ AI i administrationen (igangsat i Digitaliseringsporteføljen)</a:t>
            </a:r>
          </a:p>
          <a:p>
            <a:pPr lvl="1">
              <a:spcAft>
                <a:spcPts val="900"/>
              </a:spcAft>
            </a:pPr>
            <a:r>
              <a:rPr lang="da-DK" sz="1800" dirty="0">
                <a:hlinkClick r:id="rId7"/>
              </a:rPr>
              <a:t>https://sdunet.dk/da/servicesider/digital/generativ-ai-paa-sdu</a:t>
            </a:r>
            <a:endParaRPr lang="da-DK" sz="2000" dirty="0"/>
          </a:p>
          <a:p>
            <a:pPr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da-DK" sz="2000" dirty="0"/>
              <a:t>Power Platform – effektivisering &amp; automatisering (igangsat i Digitaliseringsporteføljen)</a:t>
            </a:r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8D2BF025-0BE6-6651-0042-9639A994A5F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C4561619-520E-420B-9E24-29238D077359}" type="datetime1">
              <a:rPr lang="da-DK" smtClean="0"/>
              <a:pPr/>
              <a:t>12-04-2024</a:t>
            </a:fld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06178426-EBD4-C56C-502E-DBECE9B9FA33}"/>
              </a:ext>
            </a:extLst>
          </p:cNvPr>
          <p:cNvSpPr txBox="1"/>
          <p:nvPr/>
        </p:nvSpPr>
        <p:spPr>
          <a:xfrm>
            <a:off x="800025" y="908199"/>
            <a:ext cx="10139083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800" b="1" dirty="0">
                <a:latin typeface="+mj-lt"/>
              </a:rPr>
              <a:t>Fire projekter med fokus på netop:</a:t>
            </a:r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F95403D4-5954-46B0-D692-5BD3C198F6DA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flipH="1">
            <a:off x="8004581" y="760783"/>
            <a:ext cx="2807436" cy="27863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27098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>
            <a:extLst>
              <a:ext uri="{FF2B5EF4-FFF2-40B4-BE49-F238E27FC236}">
                <a16:creationId xmlns:a16="http://schemas.microsoft.com/office/drawing/2014/main" id="{AEC0063E-E6D9-1892-D99B-E558CC07A61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751614" y="1099948"/>
            <a:ext cx="7233557" cy="5144310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55FDDC7B-C7AF-EFAF-E7F5-CEC1FC33A1D1}"/>
              </a:ext>
            </a:extLst>
          </p:cNvPr>
          <p:cNvSpPr txBox="1"/>
          <p:nvPr/>
        </p:nvSpPr>
        <p:spPr>
          <a:xfrm>
            <a:off x="429623" y="1099947"/>
            <a:ext cx="4142378" cy="4319759"/>
          </a:xfrm>
          <a:prstGeom prst="rect">
            <a:avLst/>
          </a:prstGeom>
          <a:solidFill>
            <a:schemeClr val="accent3"/>
          </a:solidFill>
        </p:spPr>
        <p:txBody>
          <a:bodyPr wrap="square" lIns="288000" tIns="324000" rIns="252000" bIns="288000" rtlCol="0">
            <a:spAutoFit/>
          </a:bodyPr>
          <a:lstStyle/>
          <a:p>
            <a:pPr>
              <a:lnSpc>
                <a:spcPct val="107000"/>
              </a:lnSpc>
              <a:spcAft>
                <a:spcPts val="1200"/>
              </a:spcAft>
            </a:pPr>
            <a:r>
              <a:rPr lang="da-DK" sz="2800" b="1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ormålet: </a:t>
            </a:r>
            <a:endParaRPr lang="da-DK" sz="2800" b="1" kern="1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600"/>
              </a:spcAft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Under­støtte organisationens behov for: </a:t>
            </a:r>
          </a:p>
          <a:p>
            <a:pPr marL="285750" indent="-285750">
              <a:lnSpc>
                <a:spcPct val="107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utomatisering af processer </a:t>
            </a:r>
          </a:p>
          <a:p>
            <a:pPr marL="285750" indent="-285750">
              <a:lnSpc>
                <a:spcPct val="107000"/>
              </a:lnSpc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nye effektive løsninger </a:t>
            </a:r>
            <a:b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vha. en low-</a:t>
            </a:r>
            <a:r>
              <a:rPr lang="da-DK" sz="2000" kern="100" dirty="0" err="1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code</a:t>
            </a: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/no-code-tilgang.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2400" b="1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Udgangspunkt: </a:t>
            </a:r>
          </a:p>
          <a:p>
            <a:pPr>
              <a:lnSpc>
                <a:spcPct val="107000"/>
              </a:lnSpc>
              <a:spcAft>
                <a:spcPts val="800"/>
              </a:spcAft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Microsofts Power Platformen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12-04-202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00420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55FDDC7B-C7AF-EFAF-E7F5-CEC1FC33A1D1}"/>
              </a:ext>
            </a:extLst>
          </p:cNvPr>
          <p:cNvSpPr txBox="1"/>
          <p:nvPr/>
        </p:nvSpPr>
        <p:spPr>
          <a:xfrm>
            <a:off x="843278" y="977712"/>
            <a:ext cx="6310555" cy="5193121"/>
          </a:xfrm>
          <a:prstGeom prst="rect">
            <a:avLst/>
          </a:prstGeom>
          <a:solidFill>
            <a:schemeClr val="accent3"/>
          </a:solidFill>
        </p:spPr>
        <p:txBody>
          <a:bodyPr wrap="square" lIns="180000" tIns="144000" rIns="144000" bIns="108000" rtlCol="0">
            <a:spAutoFit/>
          </a:bodyPr>
          <a:lstStyle/>
          <a:p>
            <a:pPr>
              <a:lnSpc>
                <a:spcPct val="107000"/>
              </a:lnSpc>
              <a:spcAft>
                <a:spcPts val="1200"/>
              </a:spcAft>
            </a:pPr>
            <a:r>
              <a:rPr lang="da-DK" sz="2400" b="1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ovedleverancer i Power projektet:</a:t>
            </a:r>
            <a:endParaRPr lang="da-DK" sz="2400" b="1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1200"/>
              </a:spcAft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1. at skabe en strategi, </a:t>
            </a:r>
            <a:r>
              <a:rPr lang="da-DK" sz="2000" kern="100" dirty="0" err="1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governance</a:t>
            </a: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og organisering for brugen af Power Platformen på SDU.</a:t>
            </a:r>
          </a:p>
          <a:p>
            <a:pPr>
              <a:lnSpc>
                <a:spcPct val="107000"/>
              </a:lnSpc>
              <a:spcAft>
                <a:spcPts val="1200"/>
              </a:spcAft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2. at opbygge kapabiliteten i SDU IT og SDU Digital til at understøtte SDU i at automatisere og </a:t>
            </a:r>
            <a:r>
              <a:rPr lang="da-DK" sz="2000" kern="100" dirty="0" err="1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digita-lisere</a:t>
            </a: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 processer og arbejdsgange vha. Power Platformens værktøjer. </a:t>
            </a:r>
          </a:p>
          <a:p>
            <a:pPr>
              <a:lnSpc>
                <a:spcPct val="107000"/>
              </a:lnSpc>
              <a:spcAft>
                <a:spcPts val="300"/>
              </a:spcAft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3. at styrke decentrale kompetencer, så de nye muligheder skaber kortest mulig vej fra behov til løsning med fokus på effektivitet og kvalitet.</a:t>
            </a:r>
            <a:endParaRPr lang="da-DK" sz="2000" kern="100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lnSpc>
                <a:spcPct val="107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netværk og byggedage for Citizen developers</a:t>
            </a:r>
          </a:p>
          <a:p>
            <a:pPr marL="342900" indent="-342900">
              <a:lnSpc>
                <a:spcPct val="107000"/>
              </a:lnSpc>
              <a:spcAft>
                <a:spcPts val="300"/>
              </a:spcAft>
              <a:buFont typeface="Arial" panose="020B0604020202020204" pitchFamily="34" charset="0"/>
              <a:buChar char="•"/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kurser/’certificeringer’, </a:t>
            </a:r>
          </a:p>
          <a:p>
            <a:pPr marL="342900" indent="-342900">
              <a:lnSpc>
                <a:spcPct val="107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000" kern="100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community/vejledningsunivers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12-04-2024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7889AF6-D912-5C5B-3E45-066DD22C3A10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345" b="345"/>
          <a:stretch/>
        </p:blipFill>
        <p:spPr>
          <a:xfrm>
            <a:off x="7436224" y="1271857"/>
            <a:ext cx="3727292" cy="2313210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00288F6D-FDB8-BC57-BDBF-631F68769B0E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flipH="1">
            <a:off x="9439834" y="3585067"/>
            <a:ext cx="2314493" cy="24936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0484202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kstfelt 1">
            <a:extLst>
              <a:ext uri="{FF2B5EF4-FFF2-40B4-BE49-F238E27FC236}">
                <a16:creationId xmlns:a16="http://schemas.microsoft.com/office/drawing/2014/main" id="{55FDDC7B-C7AF-EFAF-E7F5-CEC1FC33A1D1}"/>
              </a:ext>
            </a:extLst>
          </p:cNvPr>
          <p:cNvSpPr txBox="1"/>
          <p:nvPr/>
        </p:nvSpPr>
        <p:spPr>
          <a:xfrm>
            <a:off x="386080" y="1482775"/>
            <a:ext cx="10815320" cy="3475000"/>
          </a:xfrm>
          <a:prstGeom prst="rect">
            <a:avLst/>
          </a:prstGeom>
          <a:solidFill>
            <a:schemeClr val="accent3"/>
          </a:solidFill>
        </p:spPr>
        <p:txBody>
          <a:bodyPr wrap="square" lIns="468000" tIns="432000" rIns="468000" bIns="432000" rtlCol="0">
            <a:spAutoFit/>
          </a:bodyPr>
          <a:lstStyle/>
          <a:p>
            <a:pPr>
              <a:lnSpc>
                <a:spcPct val="107000"/>
              </a:lnSpc>
              <a:spcAft>
                <a:spcPts val="1200"/>
              </a:spcAft>
            </a:pPr>
            <a:r>
              <a:rPr lang="da-DK" sz="2400" b="1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Overordnet tidsplan:</a:t>
            </a:r>
            <a:endParaRPr lang="da-DK" sz="2400" b="1" kern="1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lnSpc>
                <a:spcPct val="107000"/>
              </a:lnSpc>
              <a:spcAft>
                <a:spcPts val="1200"/>
              </a:spcAft>
              <a:buFont typeface="+mj-lt"/>
              <a:buAutoNum type="alphaUcPeriod"/>
            </a:pPr>
            <a:r>
              <a:rPr lang="da-DK" sz="18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nalysefase: Januar – maj 2024.</a:t>
            </a:r>
          </a:p>
          <a:p>
            <a:pPr marL="342900" indent="-342900">
              <a:lnSpc>
                <a:spcPct val="107000"/>
              </a:lnSpc>
              <a:spcAft>
                <a:spcPts val="1200"/>
              </a:spcAft>
              <a:buFont typeface="+mj-lt"/>
              <a:buAutoNum type="alphaUcPeriod"/>
            </a:pPr>
            <a:r>
              <a:rPr lang="da-DK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edsættelse af referencegruppe marts/april 2024</a:t>
            </a:r>
          </a:p>
          <a:p>
            <a:pPr marL="342900" indent="-342900">
              <a:lnSpc>
                <a:spcPct val="107000"/>
              </a:lnSpc>
              <a:spcAft>
                <a:spcPts val="1200"/>
              </a:spcAft>
              <a:buFont typeface="+mj-lt"/>
              <a:buAutoNum type="alphaUcPeriod"/>
            </a:pPr>
            <a:r>
              <a:rPr lang="da-DK" sz="18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Behandling af projektgrundlag i Reviewgruppe og Porteføljeudvalg maj 2024</a:t>
            </a:r>
          </a:p>
          <a:p>
            <a:pPr marL="342900" indent="-342900">
              <a:lnSpc>
                <a:spcPct val="107000"/>
              </a:lnSpc>
              <a:spcAft>
                <a:spcPts val="1200"/>
              </a:spcAft>
              <a:buFont typeface="+mj-lt"/>
              <a:buAutoNum type="alphaUcPeriod"/>
            </a:pPr>
            <a:r>
              <a:rPr lang="da-DK" sz="1800" kern="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Udførelsesfasen: Maj-december 2024.</a:t>
            </a:r>
          </a:p>
          <a:p>
            <a:pPr marL="342900" indent="-342900">
              <a:lnSpc>
                <a:spcPct val="107000"/>
              </a:lnSpc>
              <a:spcAft>
                <a:spcPts val="1200"/>
              </a:spcAft>
              <a:buFont typeface="+mj-lt"/>
              <a:buAutoNum type="alphaUcPeriod"/>
            </a:pPr>
            <a:r>
              <a:rPr lang="da-DK" kern="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fslutning og afrapportering primo 2025.</a:t>
            </a:r>
            <a:endParaRPr lang="da-DK" sz="1800" kern="100" dirty="0">
              <a:effectLst/>
              <a:latin typeface="Montserrat" panose="00000500000000000000" pitchFamily="2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12-04-2024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8AD1BC58-DB40-A934-BAD2-8DF6877FE41D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04" t="6418" r="3974" b="7446"/>
          <a:stretch/>
        </p:blipFill>
        <p:spPr>
          <a:xfrm>
            <a:off x="5027464" y="3947193"/>
            <a:ext cx="6537816" cy="243114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50050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an\AppData\Local\Templafy\AddIns\PowerPointVsto\sdu-digital-projektledelse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sdu-digital-msk-maskine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Strategi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Kompetenceudvikling.p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Program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31d18cea-676d-4dba-8dfa-e1fd1a5d3c8c","elementConfiguration":{"binding":"{{FormatDateTime(Form.Date,Translate(\"Format_DateCustomA\"),DocumentLanguage)}}","type":"text","disableUpdates":false}},{"type":"shape","id":"8e718b62-2092-4f79-8054-5a6619a39881","elementConfiguration":{"binding":"{{UserProfile.Institut.Institute}}","type":"text","disableUpdates":false}},{"type":"shape","id":"bd51f869-d1fc-4a7c-8f15-3aad8d61976a","elementConfiguration":{"binding":"{{UserProfile.Institut.Institute}}","type":"text","disableUpdates":false}},{"type":"shape","id":"cba6c1db-bd2d-48e2-befa-e3f21ed35774","elementConfiguration":{"binding":"{{UserProfile.Institut.Institute}}","type":"text","disableUpdates":false}},{"type":"shape","id":"e8d5c90c-174a-403e-835b-5c6caedb9d82","elementConfiguration":{"binding":"{{UserProfile.Institut.Institute}}","type":"text","disableUpdates":false}},{"type":"shape","id":"a35cc499-4dc1-4f2c-9184-d20c286dd7d6","elementConfiguration":{"binding":"{{UserProfile.Institut.Institute}}","type":"text","disableUpdates":false}},{"type":"shape","id":"3c083011-ca77-4a07-9c2d-12c6cc8f26e6","elementConfiguration":{"binding":"{{UserProfile.Institut.Institute}}","type":"text","disableUpdates":false}},{"type":"shape","id":"6d453c11-15be-461b-a092-c65ffbdabab3","elementConfiguration":{"binding":"{{UserProfile.Institut.Institute}}","type":"text","disableUpdates":false}},{"type":"shape","id":"ff8a49b1-956e-4af5-b151-ea091003bf66","elementConfiguration":{"binding":"{{UserProfile.Institut.Institute}}","type":"text","disableUpdates":false}},{"type":"shape","id":"196fc4c9-b19f-430b-890e-cfa56dcaa818","elementConfiguration":{"binding":"{{UserProfile.Institut.Institute}}","type":"text","disableUpdates":false}},{"type":"shape","id":"fe7671a8-7894-4299-9edf-9bac82e82d76","elementConfiguration":{"binding":"{{UserProfile.Institut.Institute}}","type":"text","disableUpdates":false}},{"type":"shape","id":"e965a1b0-d75d-434f-b6fd-b13267e12097","elementConfiguration":{"binding":"{{UserProfile.Institut.Institute}}","type":"text","disableUpdates":false}},{"type":"shape","id":"5ccdfac1-ee1f-4a12-aa2d-7d074464961e","elementConfiguration":{"binding":"{{UserProfile.Institut.Institute}}","type":"text","disableUpdates":false}},{"type":"shape","id":"6532bb16-f87f-4999-a996-b37ea7f1712c","elementConfiguration":{"binding":"{{UserProfile.Institut.Institute}}","type":"text","disableUpdates":false}},{"type":"shape","id":"91d5410a-493d-4f84-9151-ea39d59b538e","elementConfiguration":{"binding":"{{UserProfile.Institut.Institute}}","type":"text","disableUpdates":false}},{"type":"shape","id":"f266be09-5a71-4dcf-ab62-733b53cf5344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505569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50556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58D0F7B-1F17-4E5D-BC63-2B0FB3F5A51A}">
  <ds:schemaRefs/>
</ds:datastoreItem>
</file>

<file path=customXml/itemProps10.xml><?xml version="1.0" encoding="utf-8"?>
<ds:datastoreItem xmlns:ds="http://schemas.openxmlformats.org/officeDocument/2006/customXml" ds:itemID="{F46E4FD4-00A0-4A0A-AAB0-1FDE4A882958}">
  <ds:schemaRefs/>
</ds:datastoreItem>
</file>

<file path=customXml/itemProps11.xml><?xml version="1.0" encoding="utf-8"?>
<ds:datastoreItem xmlns:ds="http://schemas.openxmlformats.org/officeDocument/2006/customXml" ds:itemID="{20D7420B-A61B-4652-87AA-3F74E524310B}">
  <ds:schemaRefs/>
</ds:datastoreItem>
</file>

<file path=customXml/itemProps12.xml><?xml version="1.0" encoding="utf-8"?>
<ds:datastoreItem xmlns:ds="http://schemas.openxmlformats.org/officeDocument/2006/customXml" ds:itemID="{5FD1207D-5863-4D8A-8065-DF664D6E70C1}">
  <ds:schemaRefs/>
</ds:datastoreItem>
</file>

<file path=customXml/itemProps13.xml><?xml version="1.0" encoding="utf-8"?>
<ds:datastoreItem xmlns:ds="http://schemas.openxmlformats.org/officeDocument/2006/customXml" ds:itemID="{122014E3-760F-46E9-B91E-89913D4761E6}">
  <ds:schemaRefs/>
</ds:datastoreItem>
</file>

<file path=customXml/itemProps14.xml><?xml version="1.0" encoding="utf-8"?>
<ds:datastoreItem xmlns:ds="http://schemas.openxmlformats.org/officeDocument/2006/customXml" ds:itemID="{3A288657-05D6-45D1-8161-1FD5B192C566}">
  <ds:schemaRefs/>
</ds:datastoreItem>
</file>

<file path=customXml/itemProps2.xml><?xml version="1.0" encoding="utf-8"?>
<ds:datastoreItem xmlns:ds="http://schemas.openxmlformats.org/officeDocument/2006/customXml" ds:itemID="{90DE47FB-CBD9-46EF-A4BB-64ED750A2AFD}">
  <ds:schemaRefs/>
</ds:datastoreItem>
</file>

<file path=customXml/itemProps3.xml><?xml version="1.0" encoding="utf-8"?>
<ds:datastoreItem xmlns:ds="http://schemas.openxmlformats.org/officeDocument/2006/customXml" ds:itemID="{ACB0FB7D-F54A-4F1D-8A51-067FE63B6C9A}">
  <ds:schemaRefs/>
</ds:datastoreItem>
</file>

<file path=customXml/itemProps4.xml><?xml version="1.0" encoding="utf-8"?>
<ds:datastoreItem xmlns:ds="http://schemas.openxmlformats.org/officeDocument/2006/customXml" ds:itemID="{E8D11332-B5E7-48E4-880A-280F24D01FFA}">
  <ds:schemaRefs/>
</ds:datastoreItem>
</file>

<file path=customXml/itemProps5.xml><?xml version="1.0" encoding="utf-8"?>
<ds:datastoreItem xmlns:ds="http://schemas.openxmlformats.org/officeDocument/2006/customXml" ds:itemID="{FEB1901F-BF6C-471C-A3B9-C97FE7EC6A0F}">
  <ds:schemaRefs/>
</ds:datastoreItem>
</file>

<file path=customXml/itemProps6.xml><?xml version="1.0" encoding="utf-8"?>
<ds:datastoreItem xmlns:ds="http://schemas.openxmlformats.org/officeDocument/2006/customXml" ds:itemID="{BEB2B9B7-9C71-4451-AD27-ED26CCFBE3BC}">
  <ds:schemaRefs/>
</ds:datastoreItem>
</file>

<file path=customXml/itemProps7.xml><?xml version="1.0" encoding="utf-8"?>
<ds:datastoreItem xmlns:ds="http://schemas.openxmlformats.org/officeDocument/2006/customXml" ds:itemID="{712A9F95-2F7D-4B47-8565-C82A65451731}">
  <ds:schemaRefs/>
</ds:datastoreItem>
</file>

<file path=customXml/itemProps8.xml><?xml version="1.0" encoding="utf-8"?>
<ds:datastoreItem xmlns:ds="http://schemas.openxmlformats.org/officeDocument/2006/customXml" ds:itemID="{A59296F0-61C6-49FB-99EB-D47CC070B4A0}">
  <ds:schemaRefs/>
</ds:datastoreItem>
</file>

<file path=customXml/itemProps9.xml><?xml version="1.0" encoding="utf-8"?>
<ds:datastoreItem xmlns:ds="http://schemas.openxmlformats.org/officeDocument/2006/customXml" ds:itemID="{4E4737E3-2B85-43E4-8537-E530F78E7B3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18</Words>
  <Application>Microsoft Office PowerPoint</Application>
  <PresentationFormat>Widescreen</PresentationFormat>
  <Paragraphs>43</Paragraphs>
  <Slides>6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6</vt:i4>
      </vt:variant>
    </vt:vector>
  </HeadingPairs>
  <TitlesOfParts>
    <vt:vector size="13" baseType="lpstr">
      <vt:lpstr>Arial</vt:lpstr>
      <vt:lpstr>Calibri</vt:lpstr>
      <vt:lpstr>Montserrat</vt:lpstr>
      <vt:lpstr>Wingdings</vt:lpstr>
      <vt:lpstr>SDU</vt:lpstr>
      <vt:lpstr>SDU</vt:lpstr>
      <vt:lpstr>Blank</vt:lpstr>
      <vt:lpstr>Fra strategi  til projekt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4-11T18:56:38Z</dcterms:created>
  <dcterms:modified xsi:type="dcterms:W3CDTF">2024-04-12T13:49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